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rechter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D7F27563-9F7D-2771-3274-752C54C2931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37497" y="4835789"/>
            <a:ext cx="1796103" cy="179969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6DE81D09-BF19-5D29-7D4B-0BE60E11CDC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7248" y="4076700"/>
            <a:ext cx="1308392" cy="13110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1-04T11:24:54Z</dcterms:modified>
</cp:coreProperties>
</file>